
<file path=[Content_Types].xml><?xml version="1.0" encoding="utf-8"?>
<Types xmlns="http://schemas.openxmlformats.org/package/2006/content-types">
  <Default Extension="PNG" ContentType="image/png"/>
  <Default Extension="rels" ContentType="application/vnd.openxmlformats-package.relationships+xml"/>
  <Default Extension="tmp" ContentType="image/png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ppt/tags/tag9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9"/>
  </p:notesMasterIdLst>
  <p:sldIdLst>
    <p:sldId id="256" r:id="rId2"/>
    <p:sldId id="265" r:id="rId3"/>
    <p:sldId id="266" r:id="rId4"/>
    <p:sldId id="267" r:id="rId5"/>
    <p:sldId id="260" r:id="rId6"/>
    <p:sldId id="263" r:id="rId7"/>
    <p:sldId id="262" r:id="rId8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1224" userDrawn="1">
          <p15:clr>
            <a:srgbClr val="A4A3A4"/>
          </p15:clr>
        </p15:guide>
        <p15:guide id="3" orient="horz" pos="3888" userDrawn="1">
          <p15:clr>
            <a:srgbClr val="A4A3A4"/>
          </p15:clr>
        </p15:guide>
        <p15:guide id="4" pos="410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9967" autoAdjust="0"/>
    <p:restoredTop sz="94660"/>
  </p:normalViewPr>
  <p:slideViewPr>
    <p:cSldViewPr snapToGrid="0" showGuides="1">
      <p:cViewPr varScale="1">
        <p:scale>
          <a:sx n="82" d="100"/>
          <a:sy n="82" d="100"/>
        </p:scale>
        <p:origin x="1277" y="77"/>
      </p:cViewPr>
      <p:guideLst>
        <p:guide orient="horz" pos="2160"/>
        <p:guide pos="1224"/>
        <p:guide orient="horz" pos="3888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viewProps" Target="viewProps.xml"/><Relationship Id="rId5" Type="http://schemas.openxmlformats.org/officeDocument/2006/relationships/slide" Target="slides/slide4.xml"/><Relationship Id="rId10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1.3932832213473646E-2"/>
          <c:y val="6.8750000000000006E-2"/>
          <c:w val="0.97398437360577916"/>
          <c:h val="0.793875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4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8812-4009-946E-F49EAD780202}"/>
              </c:ext>
            </c:extLst>
          </c:dPt>
          <c:dPt>
            <c:idx val="5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8812-4009-946E-F49EAD780202}"/>
              </c:ext>
            </c:extLst>
          </c:dPt>
          <c:dPt>
            <c:idx val="6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5-8812-4009-946E-F49EAD780202}"/>
              </c:ext>
            </c:extLst>
          </c:dPt>
          <c:dPt>
            <c:idx val="7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7-8812-4009-946E-F49EAD780202}"/>
              </c:ext>
            </c:extLst>
          </c:dPt>
          <c:dPt>
            <c:idx val="8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9-8812-4009-946E-F49EAD780202}"/>
              </c:ext>
            </c:extLst>
          </c:dPt>
          <c:dPt>
            <c:idx val="9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B-8812-4009-946E-F49EAD780202}"/>
              </c:ext>
            </c:extLst>
          </c:dPt>
          <c:dPt>
            <c:idx val="10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D-8812-4009-946E-F49EAD780202}"/>
              </c:ext>
            </c:extLst>
          </c:dPt>
          <c:dPt>
            <c:idx val="11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F-8812-4009-946E-F49EAD780202}"/>
              </c:ext>
            </c:extLst>
          </c:dPt>
          <c:dLbls>
            <c:numFmt formatCode="&quot;$&quot;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Arial" panose="020B0604020202020204" pitchFamily="34" charset="0"/>
                    <a:ea typeface="+mn-ea"/>
                    <a:cs typeface="Arial" panose="020B0604020202020204" pitchFamily="34" charset="0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!$A$2:$A$13</c:f>
              <c:strCache>
                <c:ptCount val="12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E</c:v>
                </c:pt>
                <c:pt idx="5">
                  <c:v>2019E</c:v>
                </c:pt>
                <c:pt idx="6">
                  <c:v>2020E</c:v>
                </c:pt>
                <c:pt idx="7">
                  <c:v>2021E</c:v>
                </c:pt>
                <c:pt idx="8">
                  <c:v>2022E</c:v>
                </c:pt>
                <c:pt idx="9">
                  <c:v>2023E</c:v>
                </c:pt>
                <c:pt idx="10">
                  <c:v>2024E</c:v>
                </c:pt>
                <c:pt idx="11">
                  <c:v>2025E</c:v>
                </c:pt>
              </c:strCache>
            </c:strRef>
          </c:cat>
          <c:val>
            <c:numRef>
              <c:f>Sheet1!$B$2:$B$13</c:f>
              <c:numCache>
                <c:formatCode>General</c:formatCode>
                <c:ptCount val="12"/>
                <c:pt idx="0">
                  <c:v>136.5</c:v>
                </c:pt>
                <c:pt idx="1">
                  <c:v>141.9</c:v>
                </c:pt>
                <c:pt idx="2">
                  <c:v>147.9</c:v>
                </c:pt>
                <c:pt idx="3">
                  <c:v>153.9</c:v>
                </c:pt>
                <c:pt idx="4">
                  <c:v>161</c:v>
                </c:pt>
                <c:pt idx="5">
                  <c:v>168</c:v>
                </c:pt>
                <c:pt idx="6">
                  <c:v>175.1</c:v>
                </c:pt>
                <c:pt idx="7">
                  <c:v>183.8</c:v>
                </c:pt>
                <c:pt idx="8">
                  <c:v>194.2</c:v>
                </c:pt>
                <c:pt idx="9">
                  <c:v>204.5</c:v>
                </c:pt>
                <c:pt idx="10">
                  <c:v>214.9</c:v>
                </c:pt>
                <c:pt idx="11">
                  <c:v>226.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0-8812-4009-946E-F49EAD78020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243924792"/>
        <c:axId val="1243925184"/>
      </c:barChart>
      <c:catAx>
        <c:axId val="1243924792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pPr>
            <a:endParaRPr lang="en-US"/>
          </a:p>
        </c:txPr>
        <c:crossAx val="1243925184"/>
        <c:crosses val="autoZero"/>
        <c:auto val="1"/>
        <c:lblAlgn val="ctr"/>
        <c:lblOffset val="100"/>
        <c:noMultiLvlLbl val="0"/>
      </c:catAx>
      <c:valAx>
        <c:axId val="1243925184"/>
        <c:scaling>
          <c:orientation val="minMax"/>
        </c:scaling>
        <c:delete val="1"/>
        <c:axPos val="l"/>
        <c:numFmt formatCode="General" sourceLinked="1"/>
        <c:majorTickMark val="none"/>
        <c:minorTickMark val="none"/>
        <c:tickLblPos val="nextTo"/>
        <c:crossAx val="1243924792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sz="900">
          <a:latin typeface="Arial" panose="020B0604020202020204" pitchFamily="34" charset="0"/>
          <a:cs typeface="Arial" panose="020B0604020202020204" pitchFamily="34" charset="0"/>
        </a:defRPr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213545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2283227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P1536676678805</a:t>
            </a:r>
          </a:p>
        </p:txBody>
      </p:sp>
    </p:spTree>
    <p:extLst>
      <p:ext uri="{BB962C8B-B14F-4D97-AF65-F5344CB8AC3E}">
        <p14:creationId xmlns:p14="http://schemas.microsoft.com/office/powerpoint/2010/main" val="258159770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66057139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727364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501167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32262" y="1855694"/>
            <a:ext cx="8279476" cy="3953435"/>
          </a:xfrm>
          <a:prstGeom prst="rect">
            <a:avLst/>
          </a:prstGeom>
        </p:spPr>
        <p:txBody>
          <a:bodyPr/>
          <a:lstStyle>
            <a:lvl1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4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03433" indent="0" algn="ctr">
              <a:buNone/>
            </a:lvl2pPr>
            <a:lvl3pPr marL="806867" indent="0" algn="ctr">
              <a:buNone/>
            </a:lvl3pPr>
            <a:lvl4pPr marL="1210300" indent="0" algn="ctr">
              <a:buNone/>
            </a:lvl4pPr>
            <a:lvl5pPr marL="1613733" indent="0" algn="ctr">
              <a:buNone/>
            </a:lvl5pPr>
            <a:lvl6pPr marL="2017166" indent="0" algn="ctr">
              <a:buNone/>
            </a:lvl6pPr>
            <a:lvl7pPr marL="2420600" indent="0" algn="ctr">
              <a:buNone/>
            </a:lvl7pPr>
            <a:lvl8pPr marL="2824033" indent="0" algn="ctr">
              <a:buNone/>
            </a:lvl8pPr>
            <a:lvl9pPr marL="3227466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7777888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4" b="0" i="0">
                <a:solidFill>
                  <a:schemeClr val="tx2"/>
                </a:solidFill>
                <a:latin typeface="Arial"/>
              </a:defRPr>
            </a:lvl1pPr>
            <a:lvl2pPr marL="403433" indent="0" algn="ctr">
              <a:buNone/>
            </a:lvl2pPr>
            <a:lvl3pPr marL="806867" indent="0" algn="ctr">
              <a:buNone/>
            </a:lvl3pPr>
            <a:lvl4pPr marL="1210300" indent="0" algn="ctr">
              <a:buNone/>
            </a:lvl4pPr>
            <a:lvl5pPr marL="1613733" indent="0" algn="ctr">
              <a:buNone/>
            </a:lvl5pPr>
            <a:lvl6pPr marL="2017166" indent="0" algn="ctr">
              <a:buNone/>
            </a:lvl6pPr>
            <a:lvl7pPr marL="2420600" indent="0" algn="ctr">
              <a:buNone/>
            </a:lvl7pPr>
            <a:lvl8pPr marL="2824033" indent="0" algn="ctr">
              <a:buNone/>
            </a:lvl8pPr>
            <a:lvl9pPr marL="3227466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67493841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7748" y="535377"/>
            <a:ext cx="8229600" cy="278130"/>
          </a:xfr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sp>
        <p:nvSpPr>
          <p:cNvPr id="8" name="Rectangle 7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7441169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solidFill>
                  <a:schemeClr val="tx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714886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3924742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969956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1489505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4725072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91611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0684499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  <a:prstGeom prst="rect">
            <a:avLst/>
          </a:prstGeom>
        </p:spPr>
        <p:txBody>
          <a:bodyPr vert="horz" lIns="0" tIns="45720" rIns="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75250DF-1B5F-4AA3-A2B3-8B13CD43DE46}" type="datetimeFigureOut">
              <a:rPr lang="en-US" smtClean="0"/>
              <a:t>7/21/202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3495786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2880" userDrawn="1">
          <p15:clr>
            <a:srgbClr val="F26B43"/>
          </p15:clr>
        </p15:guide>
        <p15:guide id="3" pos="288" userDrawn="1">
          <p15:clr>
            <a:srgbClr val="F26B43"/>
          </p15:clr>
        </p15:guide>
        <p15:guide id="4" pos="5472" userDrawn="1">
          <p15:clr>
            <a:srgbClr val="F26B43"/>
          </p15:clr>
        </p15:guide>
        <p15:guide id="5" orient="horz" pos="4032" userDrawn="1">
          <p15:clr>
            <a:srgbClr val="F26B43"/>
          </p15:clr>
        </p15:guide>
        <p15:guide id="6" orient="horz" pos="28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tmp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6.xml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3.xml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4" Type="http://schemas.openxmlformats.org/officeDocument/2006/relationships/notesSlide" Target="../notesSlides/notesSlide2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2.xml"/><Relationship Id="rId1" Type="http://schemas.openxmlformats.org/officeDocument/2006/relationships/tags" Target="../tags/tag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>
            <a:spLocks/>
          </p:cNvSpPr>
          <p:nvPr/>
        </p:nvSpPr>
        <p:spPr>
          <a:xfrm>
            <a:off x="475488" y="3441700"/>
            <a:ext cx="9107424" cy="369332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6D6E6A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Credit Memo</a:t>
            </a:r>
          </a:p>
        </p:txBody>
      </p:sp>
      <p:sp>
        <p:nvSpPr>
          <p:cNvPr id="7" name="CoverPageDateText"/>
          <p:cNvSpPr txBox="1">
            <a:spLocks/>
          </p:cNvSpPr>
          <p:nvPr/>
        </p:nvSpPr>
        <p:spPr>
          <a:xfrm>
            <a:off x="475488" y="4039632"/>
            <a:ext cx="3008376" cy="365760"/>
          </a:xfrm>
          <a:prstGeom prst="rect">
            <a:avLst/>
          </a:prstGeom>
        </p:spPr>
        <p:txBody>
          <a:bodyPr vert="horz" wrap="none" lIns="0" tIns="0" rIns="0" bIns="0" rtlCol="0" anchor="t">
            <a:noAutofit/>
          </a:bodyPr>
          <a:lstStyle>
            <a:lvl1pPr marL="3175" indent="0" algn="l" defTabSz="914400" rtl="0" eaLnBrk="1" latinLnBrk="0" hangingPunct="1">
              <a:lnSpc>
                <a:spcPct val="110000"/>
              </a:lnSpc>
              <a:spcBef>
                <a:spcPts val="10"/>
              </a:spcBef>
              <a:spcAft>
                <a:spcPct val="0"/>
              </a:spcAft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27432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173736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338328" indent="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502920" indent="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175" marR="0" lvl="0" indent="0" algn="l" defTabSz="914400" rtl="0" eaLnBrk="1" fontAlgn="auto" latinLnBrk="0" hangingPunct="1">
              <a:lnSpc>
                <a:spcPct val="110000"/>
              </a:lnSpc>
              <a:spcBef>
                <a:spcPts val="1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478FBF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[●] 2020</a:t>
            </a: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5488" y="2199294"/>
            <a:ext cx="3882328" cy="101380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841185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Executive summary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472966" y="999933"/>
            <a:ext cx="8234382" cy="250991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200" b="1" dirty="0">
                <a:latin typeface="Arial" panose="020B0604020202020204" pitchFamily="34" charset="0"/>
              </a:rPr>
              <a:t>Transaction overview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472966" y="3930479"/>
            <a:ext cx="2506901" cy="220426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200" b="1" dirty="0">
                <a:latin typeface="Arial" panose="020B0604020202020204" pitchFamily="34" charset="0"/>
              </a:rPr>
              <a:t>Sources &amp; Uses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3356385" y="3930479"/>
            <a:ext cx="5350963" cy="220426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200" b="1" dirty="0">
                <a:latin typeface="Arial" panose="020B0604020202020204" pitchFamily="34" charset="0"/>
              </a:rPr>
              <a:t>Pro Forma Capitalization Table</a:t>
            </a:r>
          </a:p>
        </p:txBody>
      </p:sp>
      <p:sp>
        <p:nvSpPr>
          <p:cNvPr id="11" name="Rectangle 10"/>
          <p:cNvSpPr/>
          <p:nvPr>
            <p:custDataLst>
              <p:tags r:id="rId1"/>
            </p:custDataLst>
          </p:nvPr>
        </p:nvSpPr>
        <p:spPr>
          <a:xfrm>
            <a:off x="472966" y="1250924"/>
            <a:ext cx="8213834" cy="2585323"/>
          </a:xfrm>
          <a:prstGeom prst="rect">
            <a:avLst/>
          </a:prstGeom>
        </p:spPr>
        <p:txBody>
          <a:bodyPr wrap="square" lIns="0" rIns="0">
            <a:sp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US" sz="1100" b="1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Corporation (“Davis Industries” or the “Company”) is a medical devices manufacturer that delivers innovative infection prevention products and services for the healthcare market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specializes in the following reportable segments: Endoscopy, Water Purification and Filtration, Health Disposables, and Dialysis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or the LTM period </a:t>
            </a: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nded July 31, 2017, Davis Industries generated revenue of $480.3 million and adjusted EBITDA of $99.8 million</a:t>
            </a:r>
          </a:p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US" sz="11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is currently exploring how to refinance existing debt on its balance sheet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has $126mm of existing debt that is split into two tranches (“Tranche A” and “Tranche B”) that both mature later this year 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is considering putting in place a $200 million Revolving Credit Facility, the proceeds of which would be used to refinance Tranche A and Tranche B 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 Forma for the transaction, total leverage will be 1.3x based on LTM Adjusted EBITDA of $99.8 million</a:t>
            </a: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08762657"/>
              </p:ext>
            </p:extLst>
          </p:nvPr>
        </p:nvGraphicFramePr>
        <p:xfrm>
          <a:off x="472966" y="4257683"/>
          <a:ext cx="8234383" cy="1671128"/>
        </p:xfrm>
        <a:graphic>
          <a:graphicData uri="http://schemas.openxmlformats.org/drawingml/2006/table">
            <a:tbl>
              <a:tblPr/>
              <a:tblGrid>
                <a:gridCol w="1706522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79527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64499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802895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887916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887916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128272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  <a:gridCol w="830545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  <a:gridCol w="830545">
                  <a:extLst>
                    <a:ext uri="{9D8B030D-6E8A-4147-A177-3AD203B41FA5}">
                      <a16:colId xmlns:a16="http://schemas.microsoft.com/office/drawing/2014/main" val="20008"/>
                    </a:ext>
                  </a:extLst>
                </a:gridCol>
              </a:tblGrid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Sources ($mm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Before Transaction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After Transaction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New Revolving Credit Facility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$mm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mount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x EBITD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mount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x EBITD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Sources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ranche 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80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8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0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ranche B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4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5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Uses ($mm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New Revolving Credit Facility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    - 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  - 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pay Tranche 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80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Debt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$    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26.0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pay Tranche B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4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Uses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djusted EBITD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99.8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$        99.8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43670554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2966" y="535377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/>
              <a:t>Financial overview</a:t>
            </a:r>
          </a:p>
        </p:txBody>
      </p:sp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22264423"/>
              </p:ext>
            </p:extLst>
          </p:nvPr>
        </p:nvGraphicFramePr>
        <p:xfrm>
          <a:off x="472966" y="1027766"/>
          <a:ext cx="8229602" cy="5119788"/>
        </p:xfrm>
        <a:graphic>
          <a:graphicData uri="http://schemas.openxmlformats.org/drawingml/2006/table">
            <a:tbl>
              <a:tblPr/>
              <a:tblGrid>
                <a:gridCol w="167924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72637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72897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728975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499868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679244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728975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  <a:gridCol w="728975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  <a:gridCol w="728975">
                  <a:extLst>
                    <a:ext uri="{9D8B030D-6E8A-4147-A177-3AD203B41FA5}">
                      <a16:colId xmlns:a16="http://schemas.microsoft.com/office/drawing/2014/main" val="20008"/>
                    </a:ext>
                  </a:extLst>
                </a:gridCol>
              </a:tblGrid>
              <a:tr h="180368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Davis Industries Corporation - Financial Summary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6"/>
                    </a:solidFill>
                  </a:tcPr>
                </a:tc>
                <a:tc gridSpan="3"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FYE July 31,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6"/>
                    </a:solidFill>
                  </a:tcPr>
                </a:tc>
                <a:tc gridSpan="3"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FYE July 31,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 in million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6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7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 in million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6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7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sng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ncome Statement</a:t>
                      </a:r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:</a:t>
                      </a:r>
                      <a:endParaRPr lang="en-US" sz="800" b="1" i="0" u="sng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sng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ash Flow Statement</a:t>
                      </a:r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:</a:t>
                      </a:r>
                      <a:endParaRPr lang="en-US" sz="800" b="1" i="0" u="sng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78893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venue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353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415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$480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ash flow from operation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39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49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$59.9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</a:t>
                      </a:r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% growth</a:t>
                      </a:r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7.7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5.5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apital expenditure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7.9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11.4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(16.8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Free Cash Flow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1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7.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3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st of Goods Sold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88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15.2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42.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Gross Profit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65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0.6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237.7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cquisition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20.4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65.0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(43.8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Gross margin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6.8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8.3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9.5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Dividends paid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2.6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3.1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(3.6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operating expense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16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42.6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72.9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Operating income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8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8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64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sng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EBITDA calculation</a:t>
                      </a:r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:</a:t>
                      </a:r>
                      <a:endParaRPr lang="en-US" sz="800" b="1" i="0" u="sng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Operating margin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3.8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4.0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3.5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djusted EBITDA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70.2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86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99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Net income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7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4.9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40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sng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redit ratios</a:t>
                      </a:r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:</a:t>
                      </a:r>
                      <a:endParaRPr lang="en-US" sz="800" b="1" i="0" u="sng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6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Net profit margin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7.9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8.4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8.5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Debt / EBITDA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.1x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7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Debt to total capitalization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5.9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1.7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30.3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8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sng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Balance Sheet</a:t>
                      </a:r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:</a:t>
                      </a:r>
                      <a:endParaRPr lang="en-US" sz="800" b="1" i="0" u="sng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FCF / Total Debt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9.7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2.4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34.2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9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ash and cash equivalent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19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26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$32.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0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ccounts receivable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3.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8.4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69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1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nventory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5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7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61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2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Total asset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65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43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01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3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ccounts payable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6.4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7.2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4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debt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78.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16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26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5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Equity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24.6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49.7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289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6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Liabilities and equity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65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43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01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7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419018358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TextBox 18"/>
          <p:cNvSpPr txBox="1"/>
          <p:nvPr/>
        </p:nvSpPr>
        <p:spPr>
          <a:xfrm>
            <a:off x="651806" y="1902463"/>
            <a:ext cx="3866408" cy="535937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6955" y="2651187"/>
            <a:ext cx="3866408" cy="535937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644381" y="3413186"/>
            <a:ext cx="3866408" cy="535937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4840940" y="3148724"/>
            <a:ext cx="3866408" cy="246221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sp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4840940" y="1501336"/>
            <a:ext cx="3866408" cy="722100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Business and industry overview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475489" y="999933"/>
            <a:ext cx="40427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Company overview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4841303" y="999933"/>
            <a:ext cx="3866046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Industry overview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4840941" y="4326090"/>
            <a:ext cx="3866407" cy="214201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Medical device manufacturer market growth ($</a:t>
            </a:r>
            <a:r>
              <a:rPr lang="en-US" sz="1100" b="1" dirty="0" err="1">
                <a:latin typeface="Arial" panose="020B0604020202020204" pitchFamily="34" charset="0"/>
              </a:rPr>
              <a:t>bn</a:t>
            </a:r>
            <a:r>
              <a:rPr lang="en-US" sz="1100" b="1" dirty="0">
                <a:latin typeface="Arial" panose="020B0604020202020204" pitchFamily="34" charset="0"/>
              </a:rPr>
              <a:t>)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4840940" y="3993243"/>
            <a:ext cx="3866408" cy="246221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sp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lta Corp, Kappa GmbH, and Alpha Inc	</a:t>
            </a:r>
          </a:p>
        </p:txBody>
      </p:sp>
      <p:sp>
        <p:nvSpPr>
          <p:cNvPr id="15" name="Rectangle 14"/>
          <p:cNvSpPr/>
          <p:nvPr>
            <p:custDataLst>
              <p:tags r:id="rId1"/>
            </p:custDataLst>
          </p:nvPr>
        </p:nvSpPr>
        <p:spPr>
          <a:xfrm>
            <a:off x="475489" y="1318971"/>
            <a:ext cx="4042724" cy="45935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</a:t>
            </a: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s a leading provider medical equipment and sanitation products  and services in the healthcare market: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rgical Instruments: 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sign/development/manufacture/sales/service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ssecting/grasping/homeostatic instrument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edical Sterilizers: 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sign/development/manufacture/sales/installation of disinfectant tech to medical/ life science market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sign/manufacture/sell/supply/distribution of single-use </a:t>
            </a:r>
            <a:r>
              <a:rPr lang="en-US" sz="1000" b="1" dirty="0" err="1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c</a:t>
            </a: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product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edical practitioner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ingle-Use Medical Disposables: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ustomers</a:t>
            </a:r>
            <a:endParaRPr lang="en-US" sz="1000" b="1" dirty="0">
              <a:solidFill>
                <a:srgbClr val="BA0C2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o customer accounted for more than 10% of consolidated net sales during FY2017, FY2016, or FY2015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" name="Rectangle 15"/>
          <p:cNvSpPr/>
          <p:nvPr>
            <p:custDataLst>
              <p:tags r:id="rId2"/>
            </p:custDataLst>
          </p:nvPr>
        </p:nvSpPr>
        <p:spPr>
          <a:xfrm>
            <a:off x="4840941" y="1241985"/>
            <a:ext cx="3866407" cy="280846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tal addressable markets (“TAM”)</a:t>
            </a:r>
          </a:p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rgical Instruments: [$249M / growing at 7%]</a:t>
            </a:r>
          </a:p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edical Sterilization: [$123M / growing at 5%]</a:t>
            </a:r>
          </a:p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ingle-Use Medical Disposables: [$144M / growing at 2.5%]</a:t>
            </a:r>
          </a:p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rket drivers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ging US population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mprovements in medical technology and upgrading clinics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creased healthcare spending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0" lvl="1" indent="-329184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etition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he overall market is highly competitive with peers such as:</a:t>
            </a:r>
          </a:p>
        </p:txBody>
      </p:sp>
      <p:graphicFrame>
        <p:nvGraphicFramePr>
          <p:cNvPr id="17" name="Chart 16"/>
          <p:cNvGraphicFramePr/>
          <p:nvPr>
            <p:custDataLst>
              <p:tags r:id="rId3"/>
            </p:custDataLst>
          </p:nvPr>
        </p:nvGraphicFramePr>
        <p:xfrm>
          <a:off x="4840941" y="4669384"/>
          <a:ext cx="3866407" cy="160289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</p:spTree>
    <p:extLst>
      <p:ext uri="{BB962C8B-B14F-4D97-AF65-F5344CB8AC3E}">
        <p14:creationId xmlns:p14="http://schemas.microsoft.com/office/powerpoint/2010/main" val="1856993651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Deal structuring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475488" y="1037855"/>
            <a:ext cx="5118466" cy="193047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Collateral analysis 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475488" y="3878545"/>
            <a:ext cx="8231860" cy="306791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Risks and Mitigants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5593953" y="442938"/>
            <a:ext cx="2930492" cy="24165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Financial covenant package</a:t>
            </a:r>
          </a:p>
        </p:txBody>
      </p:sp>
      <p:graphicFrame>
        <p:nvGraphicFramePr>
          <p:cNvPr id="12" name="Table 1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320683144"/>
              </p:ext>
            </p:extLst>
          </p:nvPr>
        </p:nvGraphicFramePr>
        <p:xfrm>
          <a:off x="5776857" y="1289905"/>
          <a:ext cx="2930491" cy="277998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4742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89467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78838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13467">
                <a:tc>
                  <a:txBody>
                    <a:bodyPr/>
                    <a:lstStyle/>
                    <a:p>
                      <a:endParaRPr lang="en-US" sz="900" b="1" dirty="0">
                        <a:solidFill>
                          <a:schemeClr val="bg1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chemeClr val="bg1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ovenant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chemeClr val="bg1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423761">
                <a:tc>
                  <a:txBody>
                    <a:bodyPr/>
                    <a:lstStyle/>
                    <a:p>
                      <a:pPr algn="ctr"/>
                      <a:r>
                        <a:rPr lang="en-US" sz="900" b="1" dirty="0">
                          <a:solidFill>
                            <a:srgbClr val="FFFF0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 </a:t>
                      </a:r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aximum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Leverag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Total Debt / EBITDA)</a:t>
                      </a: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ssures adequate debt coverag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r>
                        <a:rPr lang="en-US" sz="900" b="1" dirty="0">
                          <a:solidFill>
                            <a:srgbClr val="FFFF0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 </a:t>
                      </a:r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 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terest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Coverage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EBITDA /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Total Interest)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Assures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operating earnings can cover interest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 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Fixed Charge Coverag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EBITDA less Capital Expenditures divided by Total Fixed Charges)</a:t>
                      </a: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ssures sufficiency of operating earnings for fixed requirements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 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Tangible Net Worth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 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Net Worth – Intangible assets) 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imits investments,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directing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to debt repayment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iquidity 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(Permit at any time its total of cash and marketable securities, to be less than a $ amount) 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ssures satisfactory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liquidity and tracks performance vs. plan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graphicFrame>
        <p:nvGraphicFramePr>
          <p:cNvPr id="13" name="Table 1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402475959"/>
              </p:ext>
            </p:extLst>
          </p:nvPr>
        </p:nvGraphicFramePr>
        <p:xfrm>
          <a:off x="475488" y="4326042"/>
          <a:ext cx="8231860" cy="15994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74494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548691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45072"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rgbClr val="FF000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isk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rgbClr val="00B05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tigant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mpetition 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- Company faces rapid technology changes in the medical device and water purification industry.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Company shows top line growth year over year  [●] Company research leads to patents resulting in a competitive advantage [●] Company has communicated to the bank that they have significant R&amp;D investment in process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gulation - 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ndustry  is experiencing significant scrutiny and regulation by governmental authorities, which may lead to greater regulation in the future.</a:t>
                      </a:r>
                      <a:endParaRPr lang="en-US" sz="7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Company regularly participants in seminars and webinars for proper regulation education [●] Company has not presented any significant regulation issues historically 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mmodity Risk - 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mpany is heavily reliant on certain raw materials and can be adversely impacted by rising prices.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Historically the company has been able to maintain strong margins [●] Company has a hedging strategy in place 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llateral shortfall -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$86,000m deficiency if revolver is fully drawn 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Company has maintained strong and consistent cash on their balance sheet [●] Company has low</a:t>
                      </a:r>
                      <a:r>
                        <a:rPr lang="en-US" sz="700" b="0" i="0" u="none" strike="noStrike" kern="1200" baseline="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cash flow</a:t>
                      </a:r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leverage under 1.50x and has had low cash flow</a:t>
                      </a:r>
                      <a:r>
                        <a:rPr lang="en-US" sz="700" b="0" i="0" u="none" strike="noStrike" kern="1200" baseline="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leverage historically [●] Company patents and performance warrants enterprise valuation which will be used as bank security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</a:tbl>
          </a:graphicData>
        </a:graphic>
      </p:graphicFrame>
      <p:graphicFrame>
        <p:nvGraphicFramePr>
          <p:cNvPr id="15" name="Table 1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04804"/>
              </p:ext>
            </p:extLst>
          </p:nvPr>
        </p:nvGraphicFramePr>
        <p:xfrm>
          <a:off x="475488" y="1289905"/>
          <a:ext cx="5118465" cy="1800830"/>
        </p:xfrm>
        <a:graphic>
          <a:graphicData uri="http://schemas.openxmlformats.org/drawingml/2006/table">
            <a:tbl>
              <a:tblPr/>
              <a:tblGrid>
                <a:gridCol w="137607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32854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32854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085292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18076">
                <a:tc>
                  <a:txBody>
                    <a:bodyPr/>
                    <a:lstStyle/>
                    <a:p>
                      <a:pPr algn="l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Collateral description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Eligible collateral value ($k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Authorized advance rate (%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Available collateral ($k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Accounts receivabl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69,078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8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55,262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Inventories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US" sz="800" b="0" i="0" u="none" strike="noStrike" kern="1200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66,258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5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US" sz="800" b="0" i="0" u="none" strike="noStrike" kern="1200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33,129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Property and equipment, net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US" sz="800" b="0" i="0" u="none" strike="noStrike" kern="1200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55,211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5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US" sz="800" b="0" i="0" u="none" strike="noStrike" kern="1200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27,60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Total collateral availabl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$115,996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Less: (commitments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$126,0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Excess / (deficiency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$10,003.1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sp>
        <p:nvSpPr>
          <p:cNvPr id="10" name="Rectangle 9"/>
          <p:cNvSpPr/>
          <p:nvPr/>
        </p:nvSpPr>
        <p:spPr>
          <a:xfrm>
            <a:off x="475488" y="3356583"/>
            <a:ext cx="5118466" cy="521962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TextBox 13"/>
          <p:cNvSpPr txBox="1"/>
          <p:nvPr/>
        </p:nvSpPr>
        <p:spPr>
          <a:xfrm>
            <a:off x="666603" y="3428031"/>
            <a:ext cx="4736233" cy="369332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spAutoFit/>
          </a:bodyPr>
          <a:lstStyle/>
          <a:p>
            <a:endParaRPr lang="en-US" dirty="0"/>
          </a:p>
        </p:txBody>
      </p:sp>
      <p:sp>
        <p:nvSpPr>
          <p:cNvPr id="16" name="TextBox 15"/>
          <p:cNvSpPr txBox="1"/>
          <p:nvPr/>
        </p:nvSpPr>
        <p:spPr>
          <a:xfrm>
            <a:off x="475488" y="3090735"/>
            <a:ext cx="5118466" cy="234177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900" b="1" dirty="0">
                <a:latin typeface="Arial" panose="020B0604020202020204" pitchFamily="34" charset="0"/>
              </a:rPr>
              <a:t>Borrowing base recommendation</a:t>
            </a:r>
          </a:p>
        </p:txBody>
      </p:sp>
      <p:sp>
        <p:nvSpPr>
          <p:cNvPr id="3" name="Rectangle 2"/>
          <p:cNvSpPr/>
          <p:nvPr/>
        </p:nvSpPr>
        <p:spPr>
          <a:xfrm>
            <a:off x="5677133" y="1573255"/>
            <a:ext cx="365805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b="1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  <a:sym typeface="Wingdings" panose="05000000000000000000" pitchFamily="2" charset="2"/>
              </a:rPr>
              <a:t></a:t>
            </a:r>
            <a:endParaRPr lang="en-US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5703418" y="2023769"/>
            <a:ext cx="365805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b="1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  <a:sym typeface="Wingdings" panose="05000000000000000000" pitchFamily="2" charset="2"/>
              </a:rPr>
              <a:t></a:t>
            </a:r>
            <a:endParaRPr lang="en-US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7546722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/>
              <a:t>Term sheet </a:t>
            </a:r>
          </a:p>
        </p:txBody>
      </p:sp>
      <p:graphicFrame>
        <p:nvGraphicFramePr>
          <p:cNvPr id="12" name="Table 11"/>
          <p:cNvGraphicFramePr>
            <a:graphicFrameLocks noGrp="1"/>
          </p:cNvGraphicFramePr>
          <p:nvPr>
            <p:custDataLst>
              <p:tags r:id="rId2"/>
            </p:custDataLst>
          </p:nvPr>
        </p:nvGraphicFramePr>
        <p:xfrm>
          <a:off x="457200" y="1059671"/>
          <a:ext cx="8229600" cy="4961964"/>
        </p:xfrm>
        <a:graphic>
          <a:graphicData uri="http://schemas.openxmlformats.org/drawingml/2006/table">
            <a:tbl>
              <a:tblPr firstRow="1" lastRow="1"/>
              <a:tblGrid>
                <a:gridCol w="160622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749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645587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3177">
                <a:tc gridSpan="3"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ts val="10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bg2"/>
                          </a:solidFill>
                          <a:effectLst/>
                          <a:latin typeface="Arial" pitchFamily="34" charset="0"/>
                          <a:ea typeface="LF_Kai" charset="-122"/>
                        </a:rPr>
                        <a:t>Proposed terms and conditions</a:t>
                      </a:r>
                    </a:p>
                  </a:txBody>
                  <a:tcPr marL="40341" marR="80682" marT="16136" marB="8068" anchor="b" horzOverflow="overflow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r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ts val="10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8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5720" marT="18288" marB="9144" anchor="b" horzOverflow="overflow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457200">
                <a:tc>
                  <a:txBody>
                    <a:bodyPr/>
                    <a:lstStyle>
                      <a:lvl1pPr marL="444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l" defTabSz="914400" rtl="0" eaLnBrk="1" fontAlgn="base" latinLnBrk="0" hangingPunct="1">
                        <a:lnSpc>
                          <a:spcPct val="11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altLang="en-US" sz="10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bg2"/>
                          </a:solidFill>
                          <a:effectLst/>
                        </a:rPr>
                        <a:t>Borrower:</a:t>
                      </a:r>
                      <a:endParaRPr kumimoji="0" lang="en-US" altLang="en-US" sz="1000" b="1" i="0" u="none" strike="noStrike" cap="none" normalizeH="0" baseline="0" dirty="0">
                        <a:ln>
                          <a:noFill/>
                        </a:ln>
                        <a:solidFill>
                          <a:schemeClr val="bg2"/>
                        </a:solidFill>
                        <a:effectLst/>
                        <a:latin typeface="Times New Roman" pitchFamily="18" charset="0"/>
                        <a:ea typeface="MS PGothic" pitchFamily="34" charset="-128"/>
                        <a:cs typeface="Times New Roman" pitchFamily="18" charset="0"/>
                      </a:endParaRPr>
                    </a:p>
                  </a:txBody>
                  <a:tcPr marL="40341" marR="80682" marT="16136" marB="0" anchor="ctr" horzOverflow="overflow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kern="1200" cap="none" normalizeH="0" baseline="0" dirty="0">
                        <a:ln>
                          <a:noFill/>
                        </a:ln>
                        <a:solidFill>
                          <a:srgbClr val="E32726"/>
                        </a:solidFill>
                        <a:effectLst/>
                        <a:latin typeface="Arial" pitchFamily="34" charset="0"/>
                        <a:ea typeface="LF_Kai" charset="-122"/>
                        <a:cs typeface="+mn-cs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45720" indent="0" algn="l" defTabSz="914400" rtl="0" eaLnBrk="0" fontAlgn="b" latinLnBrk="0" hangingPunct="0">
                        <a:lnSpc>
                          <a:spcPct val="10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Davis Industries Corporation (the “Company”)</a:t>
                      </a:r>
                      <a:endParaRPr lang="en-US" sz="900" b="0" i="0" u="none" strike="noStrike" cap="none" baseline="0" noProof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57200">
                <a:tc>
                  <a:txBody>
                    <a:bodyPr/>
                    <a:lstStyle>
                      <a:lvl1pPr marL="444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l" defTabSz="914400" rtl="0" eaLnBrk="1" fontAlgn="base" latinLnBrk="0" hangingPunct="1">
                        <a:lnSpc>
                          <a:spcPct val="11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altLang="en-US" sz="10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bg2"/>
                          </a:solidFill>
                          <a:effectLst/>
                        </a:rPr>
                        <a:t>Facility Type:</a:t>
                      </a:r>
                      <a:endParaRPr kumimoji="0" lang="en-US" altLang="en-US" sz="1000" b="1" i="0" u="none" strike="noStrike" cap="none" normalizeH="0" baseline="0" dirty="0">
                        <a:ln>
                          <a:noFill/>
                        </a:ln>
                        <a:solidFill>
                          <a:schemeClr val="bg2"/>
                        </a:solidFill>
                        <a:effectLst/>
                        <a:latin typeface="Times New Roman" pitchFamily="18" charset="0"/>
                        <a:ea typeface="MS PGothic" pitchFamily="34" charset="-128"/>
                        <a:cs typeface="Times New Roman" pitchFamily="18" charset="0"/>
                      </a:endParaRPr>
                    </a:p>
                  </a:txBody>
                  <a:tcPr marL="40341" marR="80682" marT="16136" marB="0" anchor="ctr" horzOverflow="overflow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128016" marR="0" lvl="1" indent="-128016" algn="l" defTabSz="914400" rtl="0" eaLnBrk="1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Char char="n"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1" indent="0" algn="l" defTabSz="914400" rtl="0" eaLnBrk="1" fontAlgn="base" latinLnBrk="0" hangingPunct="0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/>
                        <a:defRPr/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LF_Kai" charset="-122"/>
                          <a:cs typeface="Arial" panose="020B0604020202020204" pitchFamily="34" charset="0"/>
                        </a:rPr>
                        <a:t>Revolving Credit Facility</a:t>
                      </a: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Amount: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150000"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150000"/>
                        <a:buFontTx/>
                        <a:buNone/>
                        <a:tabLst/>
                      </a:pPr>
                      <a:r>
                        <a:rPr kumimoji="0" lang="en-US" altLang="en-US" sz="9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Arial" pitchFamily="34" charset="0"/>
                          <a:ea typeface="LF_Kai" charset="-122"/>
                        </a:rPr>
                        <a:t>$200,000,000</a:t>
                      </a: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Tenor: 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150000"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5 years</a:t>
                      </a:r>
                      <a:endParaRPr lang="en-US" sz="900" b="0" i="0" u="none" strike="noStrike" kern="1200" cap="none" baseline="0" noProof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Maturity: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5 years from closing date 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Spread (Interest Rate): 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4.00%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Undrawn Fee: 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50 basis points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Use of Proceeds:</a:t>
                      </a:r>
                      <a:endParaRPr lang="en-US" sz="1000" b="1" i="0" u="none" strike="noStrike" cap="none" baseline="0" noProof="0" dirty="0">
                        <a:solidFill>
                          <a:schemeClr val="bg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eneral corporate purposes</a:t>
                      </a:r>
                      <a:endParaRPr lang="en-US" sz="900" b="0" i="0" u="none" strike="noStrike" cap="none" baseline="0" noProof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109728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Financial Covenants:</a:t>
                      </a:r>
                      <a:endParaRPr lang="en-US" sz="1000" b="1" i="0" u="none" strike="noStrike" cap="none" baseline="0" noProof="0" dirty="0">
                        <a:solidFill>
                          <a:schemeClr val="bg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128016" lvl="1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Leverage covenant not to exceed 3.50x</a:t>
                      </a:r>
                    </a:p>
                    <a:p>
                      <a:pPr marL="256032" lvl="2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Leverage calculated as Total Debt / EBITDA 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terest Coverage covenant not less than 3.00x</a:t>
                      </a:r>
                    </a:p>
                    <a:p>
                      <a:pPr marL="256032" lvl="2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terest Coverage covenant calculated as EBITDA / Total Interest 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425417192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/>
              <a:t>Financial Model</a:t>
            </a:r>
          </a:p>
        </p:txBody>
      </p:sp>
      <p:sp>
        <p:nvSpPr>
          <p:cNvPr id="8" name="Subtitle 7"/>
          <p:cNvSpPr>
            <a:spLocks noGrp="1"/>
          </p:cNvSpPr>
          <p:nvPr>
            <p:ph type="subTitle" sz="quarter" idx="11"/>
          </p:nvPr>
        </p:nvSpPr>
        <p:spPr>
          <a:xfrm>
            <a:off x="457200" y="178990"/>
            <a:ext cx="8279476" cy="322729"/>
          </a:xfrm>
          <a:solidFill>
            <a:srgbClr val="FFFFCC"/>
          </a:solidFill>
        </p:spPr>
        <p:txBody>
          <a:bodyPr/>
          <a:lstStyle/>
          <a:p>
            <a:r>
              <a:rPr lang="en-US" b="1" dirty="0"/>
              <a:t>Participant to paste excel model below – Below is for </a:t>
            </a:r>
            <a:r>
              <a:rPr lang="en-US" b="1" dirty="0">
                <a:solidFill>
                  <a:srgbClr val="FF0000"/>
                </a:solidFill>
              </a:rPr>
              <a:t>illustrative purposes only, not to be included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AC66FB38-AED5-E2E4-AA6B-B9E98E553814}"/>
              </a:ext>
            </a:extLst>
          </p:cNvPr>
          <p:cNvGraphicFramePr>
            <a:graphicFrameLocks noGrp="1"/>
          </p:cNvGraphicFramePr>
          <p:nvPr/>
        </p:nvGraphicFramePr>
        <p:xfrm>
          <a:off x="628650" y="1384300"/>
          <a:ext cx="7886697" cy="4090545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009607">
                  <a:extLst>
                    <a:ext uri="{9D8B030D-6E8A-4147-A177-3AD203B41FA5}">
                      <a16:colId xmlns:a16="http://schemas.microsoft.com/office/drawing/2014/main" val="359002932"/>
                    </a:ext>
                  </a:extLst>
                </a:gridCol>
                <a:gridCol w="137228">
                  <a:extLst>
                    <a:ext uri="{9D8B030D-6E8A-4147-A177-3AD203B41FA5}">
                      <a16:colId xmlns:a16="http://schemas.microsoft.com/office/drawing/2014/main" val="3011180117"/>
                    </a:ext>
                  </a:extLst>
                </a:gridCol>
                <a:gridCol w="1901590">
                  <a:extLst>
                    <a:ext uri="{9D8B030D-6E8A-4147-A177-3AD203B41FA5}">
                      <a16:colId xmlns:a16="http://schemas.microsoft.com/office/drawing/2014/main" val="2049397032"/>
                    </a:ext>
                  </a:extLst>
                </a:gridCol>
                <a:gridCol w="539111">
                  <a:extLst>
                    <a:ext uri="{9D8B030D-6E8A-4147-A177-3AD203B41FA5}">
                      <a16:colId xmlns:a16="http://schemas.microsoft.com/office/drawing/2014/main" val="1435523543"/>
                    </a:ext>
                  </a:extLst>
                </a:gridCol>
                <a:gridCol w="429328">
                  <a:extLst>
                    <a:ext uri="{9D8B030D-6E8A-4147-A177-3AD203B41FA5}">
                      <a16:colId xmlns:a16="http://schemas.microsoft.com/office/drawing/2014/main" val="3464298178"/>
                    </a:ext>
                  </a:extLst>
                </a:gridCol>
                <a:gridCol w="429328">
                  <a:extLst>
                    <a:ext uri="{9D8B030D-6E8A-4147-A177-3AD203B41FA5}">
                      <a16:colId xmlns:a16="http://schemas.microsoft.com/office/drawing/2014/main" val="2946266182"/>
                    </a:ext>
                  </a:extLst>
                </a:gridCol>
                <a:gridCol w="429328">
                  <a:extLst>
                    <a:ext uri="{9D8B030D-6E8A-4147-A177-3AD203B41FA5}">
                      <a16:colId xmlns:a16="http://schemas.microsoft.com/office/drawing/2014/main" val="1959392758"/>
                    </a:ext>
                  </a:extLst>
                </a:gridCol>
                <a:gridCol w="429328">
                  <a:extLst>
                    <a:ext uri="{9D8B030D-6E8A-4147-A177-3AD203B41FA5}">
                      <a16:colId xmlns:a16="http://schemas.microsoft.com/office/drawing/2014/main" val="2108706878"/>
                    </a:ext>
                  </a:extLst>
                </a:gridCol>
                <a:gridCol w="429328">
                  <a:extLst>
                    <a:ext uri="{9D8B030D-6E8A-4147-A177-3AD203B41FA5}">
                      <a16:colId xmlns:a16="http://schemas.microsoft.com/office/drawing/2014/main" val="2558278080"/>
                    </a:ext>
                  </a:extLst>
                </a:gridCol>
                <a:gridCol w="435209">
                  <a:extLst>
                    <a:ext uri="{9D8B030D-6E8A-4147-A177-3AD203B41FA5}">
                      <a16:colId xmlns:a16="http://schemas.microsoft.com/office/drawing/2014/main" val="3673848105"/>
                    </a:ext>
                  </a:extLst>
                </a:gridCol>
                <a:gridCol w="429328">
                  <a:extLst>
                    <a:ext uri="{9D8B030D-6E8A-4147-A177-3AD203B41FA5}">
                      <a16:colId xmlns:a16="http://schemas.microsoft.com/office/drawing/2014/main" val="4147826152"/>
                    </a:ext>
                  </a:extLst>
                </a:gridCol>
                <a:gridCol w="429328">
                  <a:extLst>
                    <a:ext uri="{9D8B030D-6E8A-4147-A177-3AD203B41FA5}">
                      <a16:colId xmlns:a16="http://schemas.microsoft.com/office/drawing/2014/main" val="4252126982"/>
                    </a:ext>
                  </a:extLst>
                </a:gridCol>
                <a:gridCol w="429328">
                  <a:extLst>
                    <a:ext uri="{9D8B030D-6E8A-4147-A177-3AD203B41FA5}">
                      <a16:colId xmlns:a16="http://schemas.microsoft.com/office/drawing/2014/main" val="2226716300"/>
                    </a:ext>
                  </a:extLst>
                </a:gridCol>
                <a:gridCol w="429328">
                  <a:extLst>
                    <a:ext uri="{9D8B030D-6E8A-4147-A177-3AD203B41FA5}">
                      <a16:colId xmlns:a16="http://schemas.microsoft.com/office/drawing/2014/main" val="2640760548"/>
                    </a:ext>
                  </a:extLst>
                </a:gridCol>
              </a:tblGrid>
              <a:tr h="118687"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gridSpan="10"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Year Ended July 31,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611710278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FCF Model ($mm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17PF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18P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19P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0P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1P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2P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3P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4P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5P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6P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7P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380007898"/>
                  </a:ext>
                </a:extLst>
              </a:tr>
              <a:tr h="11868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Circuit Breaker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Revenue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480.3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525.0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588.0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646.8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695.3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747.5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 803.5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863.8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928.6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998.2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1,073.1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777724419"/>
                  </a:ext>
                </a:extLst>
              </a:tr>
              <a:tr h="11868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1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% Growth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5.5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9.3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2.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0.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7.5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7.5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7.5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7.5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7.5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7.5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7.5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415969610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Symbol" panose="05050102010706020507" pitchFamily="18" charset="2"/>
                      </a:endParaRPr>
                    </a:p>
                  </a:txBody>
                  <a:tcPr marL="77405" marR="0" marT="0" marB="0" anchor="ctr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EBITDA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  99.8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105.0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114.7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122.9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130.8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131.6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 131.4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130.3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128.0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124.3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       119.1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4249408223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R/C Interest Rate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% Margin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20.8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20.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9.5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9.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8.8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7.6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6.4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5.1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3.8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2.5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1.1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406123210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4.00%</a:t>
                      </a:r>
                      <a:endParaRPr lang="en-US" sz="700" b="0" i="0" u="none" strike="noStrike">
                        <a:solidFill>
                          <a:srgbClr val="478FBF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Interest Expens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         (5.4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 (3.9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 (2.6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 (1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 (1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 (1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  (1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 (1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 (1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 (1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 (1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extLst>
                  <a:ext uri="{0D108BD9-81ED-4DB2-BD59-A6C34878D82A}">
                    <a16:rowId xmlns:a16="http://schemas.microsoft.com/office/drawing/2014/main" val="4135856910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R/C Unused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Cash Tax Expens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20.9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22.9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24.5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26.1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26.2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26.2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26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25.5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24.8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23.7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extLst>
                  <a:ext uri="{0D108BD9-81ED-4DB2-BD59-A6C34878D82A}">
                    <a16:rowId xmlns:a16="http://schemas.microsoft.com/office/drawing/2014/main" val="2236189406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0.50%</a:t>
                      </a:r>
                      <a:endParaRPr lang="en-US" sz="700" b="0" i="0" u="none" strike="noStrike">
                        <a:solidFill>
                          <a:srgbClr val="478FBF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l-GR" sz="700" u="none" strike="noStrike">
                          <a:effectLst/>
                        </a:rPr>
                        <a:t>Δ </a:t>
                      </a:r>
                      <a:r>
                        <a:rPr lang="en-US" sz="700" u="none" strike="noStrike">
                          <a:effectLst/>
                        </a:rPr>
                        <a:t>in NWC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11.1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15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14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13.1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14.2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15.4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16.8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18.2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19.8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700" u="none" strike="noStrike">
                          <a:effectLst/>
                        </a:rPr>
                        <a:t>        (21.5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extLst>
                  <a:ext uri="{0D108BD9-81ED-4DB2-BD59-A6C34878D82A}">
                    <a16:rowId xmlns:a16="http://schemas.microsoft.com/office/drawing/2014/main" val="810659347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TLA Interest Rate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Cape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(23.1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(31.2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(31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(24.3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(26.2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(28.1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(30.2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(32.5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(34.9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(37.6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extLst>
                  <a:ext uri="{0D108BD9-81ED-4DB2-BD59-A6C34878D82A}">
                    <a16:rowId xmlns:a16="http://schemas.microsoft.com/office/drawing/2014/main" val="678580228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4.00%</a:t>
                      </a:r>
                      <a:endParaRPr lang="en-US" sz="700" b="0" i="0" u="none" strike="noStrike">
                        <a:solidFill>
                          <a:srgbClr val="478FBF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Dividend payments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 (4.2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 (4.7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 (5.2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 (5.6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 (6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  (6.4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 (6.9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 (7.4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 (8.0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700" u="none" strike="noStrike">
                          <a:effectLst/>
                        </a:rPr>
                        <a:t>         (8.6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extLst>
                  <a:ext uri="{0D108BD9-81ED-4DB2-BD59-A6C34878D82A}">
                    <a16:rowId xmlns:a16="http://schemas.microsoft.com/office/drawing/2014/main" val="4294707026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Free cash flow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41.7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38.3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47.2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60.7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58.0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54.3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49.4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43.4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35.8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26.6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408825759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Cumulative free cash flow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41.7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80.1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127.3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188.0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246.0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300.3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349.7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393.1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428.9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455.5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312610161"/>
                  </a:ext>
                </a:extLst>
              </a:tr>
              <a:tr h="103207"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705274080"/>
                  </a:ext>
                </a:extLst>
              </a:tr>
              <a:tr h="123848"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277.5%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7-yr Payout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930099572"/>
                  </a:ext>
                </a:extLst>
              </a:tr>
              <a:tr h="103207"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91934204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Mandatory debt repayments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451593286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Cash available for debt service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41.7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38.3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47.2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60.7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58.0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54.3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49.4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43.4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35.8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26.6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145770383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gridSpan="2"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Cumulative free cash flow for debt service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41.7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80.1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127.3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188.0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246.0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300.3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349.7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393.1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428.9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455.5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828642818"/>
                  </a:ext>
                </a:extLst>
              </a:tr>
              <a:tr h="103207"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901546464"/>
                  </a:ext>
                </a:extLst>
              </a:tr>
              <a:tr h="11868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R/C Commitment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gridSpan="10"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Year Ended July 31,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307142344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200</a:t>
                      </a:r>
                      <a:endParaRPr lang="en-US" sz="700" b="0" i="0" u="none" strike="noStrike">
                        <a:solidFill>
                          <a:srgbClr val="478FBF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Covenant Projections ($mm)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17PF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18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19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0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1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2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3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4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5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6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2027E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766883973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TLA Commitment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R/C facility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       126.0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84.3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45.9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489977249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0</a:t>
                      </a:r>
                      <a:endParaRPr lang="en-US" sz="700" b="0" i="0" u="none" strike="noStrike">
                        <a:solidFill>
                          <a:srgbClr val="478FBF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Term Loan A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     -   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4279206662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TLA Amortization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Total Debt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126.0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84.3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45.9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   -  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   -  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   -  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    -  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   -  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   -  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   -  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DAE9F2"/>
                          </a:highlight>
                        </a:rPr>
                        <a:t>            -   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DAE9F2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399625598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10.0%</a:t>
                      </a:r>
                      <a:endParaRPr lang="en-US" sz="700" b="0" i="0" u="none" strike="noStrike">
                        <a:solidFill>
                          <a:srgbClr val="478FBF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924737707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Leverage Covenant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Leverage Ratio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1.26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0.80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0.40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TRUE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0.00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0.00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0.00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0.00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0.00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0.00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0.00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368127691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478FBF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Leverage Covenant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123968731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EBITDA Cushion ($)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    63.78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80.92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01.54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22.89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30.82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     131.56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     131.44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30.33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28.03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24.35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19.06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861044502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EBITDA Cushion (%)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63.92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77.07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88.56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00.0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100.0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100.0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100.0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00.0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00.0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00.0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100.00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432546384"/>
                  </a:ext>
                </a:extLst>
              </a:tr>
              <a:tr h="103207"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682265677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</a:rPr>
                        <a:t>Interest Covenant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Interest Coverage Ratio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18.44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26.59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43.98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122.89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130.82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131.56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131.44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130.33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128.03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124.35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BE1C1"/>
                          </a:highlight>
                        </a:rPr>
                        <a:t>119.06x</a:t>
                      </a:r>
                      <a:endParaRPr lang="en-US" sz="700" b="1" i="0" u="none" strike="noStrike">
                        <a:solidFill>
                          <a:srgbClr val="6D6E6A"/>
                        </a:solidFill>
                        <a:effectLst/>
                        <a:highlight>
                          <a:srgbClr val="FBE1C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4205213477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ct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478FBF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Interest Coverage Covenant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3.50x</a:t>
                      </a:r>
                      <a:endParaRPr lang="en-US" sz="7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899399391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EBITDA Cushion ($)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    80.84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  91.18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05.53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19.39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     127.32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     128.06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     127.94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26.83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24.53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20.85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     115.56 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075566755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700" u="none" strike="noStrike">
                          <a:effectLst/>
                        </a:rPr>
                        <a:t>EBITDA Cushion (%)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7405" marR="0" marT="0" marB="0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81.02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86.84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92.04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97.15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97.32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97.34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  <a:highlight>
                            <a:srgbClr val="FFFFCC"/>
                          </a:highlight>
                        </a:rPr>
                        <a:t>97.34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highlight>
                          <a:srgbClr val="FFFFCC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97.31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97.27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97.19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700" u="none" strike="noStrike">
                          <a:effectLst/>
                        </a:rPr>
                        <a:t>97.06%</a:t>
                      </a:r>
                      <a:endParaRPr lang="en-US" sz="7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419742087"/>
                  </a:ext>
                </a:extLst>
              </a:tr>
              <a:tr h="113527">
                <a:tc>
                  <a:txBody>
                    <a:bodyPr/>
                    <a:lstStyle/>
                    <a:p>
                      <a:pPr algn="l" fontAlgn="b"/>
                      <a:endParaRPr lang="en-US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883644696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39140704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26"/>
  <p:tag name="THISSHAPESIZEANDPOSITIONDETAILS" val="top=165.625&amp;left=37.44&amp;height=430.2813&amp;width=336.935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26"/>
  <p:tag name="THISSHAPESIZEANDPOSITIONDETAILS" val="top=165.625&amp;left=37.44&amp;height=430.2813&amp;width=336.935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26"/>
  <p:tag name="THISSHAPESIZEANDPOSITIONDETAILS" val="top=165.625&amp;left=37.44&amp;height=430.2813&amp;width=336.935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ERSION" val="2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Internal"/>
  <p:tag name="PITCHPROSLIDEID" val="326"/>
  <p:tag name="PRESENTATIONID" val="7fc75708-b8d2-4bb1-b50d-85aae1ccfd2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POWERPITCHTABLESTYLE" val="Standard numeric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5d6f99a7-f8ff-4828-bebf-a786b3d10174"/>
</p:tagLst>
</file>

<file path=ppt/theme/theme1.xml><?xml version="1.0" encoding="utf-8"?>
<a:theme xmlns:a="http://schemas.openxmlformats.org/drawingml/2006/main" name="Office Theme">
  <a:themeElements>
    <a:clrScheme name="JPMorgan Chase &amp; Co">
      <a:dk1>
        <a:sysClr val="windowText" lastClr="000000"/>
      </a:dk1>
      <a:lt1>
        <a:sysClr val="window" lastClr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B99D30"/>
      </a:hlink>
      <a:folHlink>
        <a:srgbClr val="007C88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683</TotalTime>
  <Words>2011</Words>
  <Application>Microsoft Office PowerPoint</Application>
  <PresentationFormat>On-screen Show (4:3)</PresentationFormat>
  <Paragraphs>678</Paragraphs>
  <Slides>7</Slides>
  <Notes>2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13" baseType="lpstr">
      <vt:lpstr>Arial</vt:lpstr>
      <vt:lpstr>Calibri</vt:lpstr>
      <vt:lpstr>Symbol</vt:lpstr>
      <vt:lpstr>Times New Roman</vt:lpstr>
      <vt:lpstr>Wingdings</vt:lpstr>
      <vt:lpstr>Office Theme</vt:lpstr>
      <vt:lpstr>PowerPoint Presentation</vt:lpstr>
      <vt:lpstr>Executive summary</vt:lpstr>
      <vt:lpstr>Financial overview</vt:lpstr>
      <vt:lpstr>Business and industry overview</vt:lpstr>
      <vt:lpstr>Deal structuring</vt:lpstr>
      <vt:lpstr>Term sheet </vt:lpstr>
      <vt:lpstr>Financial Model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, Andrew X</dc:creator>
  <cp:lastModifiedBy>Dillibabu, Sahana</cp:lastModifiedBy>
  <cp:revision>76</cp:revision>
  <dcterms:created xsi:type="dcterms:W3CDTF">2020-03-26T22:50:15Z</dcterms:created>
  <dcterms:modified xsi:type="dcterms:W3CDTF">2024-07-21T18:02:02Z</dcterms:modified>
</cp:coreProperties>
</file>